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交付申請様式(提供体制整備)\交付申請様式\04_多職種連携\"/>
    </mc:Choice>
  </mc:AlternateContent>
  <xr:revisionPtr revIDLastSave="0" documentId="13_ncr:1_{A2763D83-8EB4-4B71-AD80-C3C948CF6F87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１（所要額調書）" sheetId="14" r:id="rId1"/>
    <sheet name="連携医療機関数による基準額の変動" sheetId="20" r:id="rId2"/>
  </sheets>
  <externalReferences>
    <externalReference r:id="rId3"/>
  </externalReferences>
  <definedNames>
    <definedName name="_xlnm.Print_Area" localSheetId="0">'別紙１（所要額調書）'!$A$1:$I$30</definedName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20" i="14" l="1"/>
  <c r="H20" i="14" s="1"/>
  <c r="I20" i="14" s="1"/>
  <c r="F24" i="14"/>
  <c r="G24" i="14" s="1"/>
  <c r="H24" i="14" s="1"/>
  <c r="I24" i="14" s="1"/>
  <c r="F20" i="14"/>
  <c r="F22" i="14"/>
  <c r="G22" i="14" s="1"/>
  <c r="H22" i="14" s="1"/>
  <c r="I22" i="14" s="1"/>
  <c r="F18" i="14"/>
  <c r="G18" i="14" s="1"/>
  <c r="H18" i="14" s="1"/>
  <c r="I18" i="14" s="1"/>
  <c r="F15" i="14"/>
  <c r="G15" i="14" s="1"/>
  <c r="H15" i="14" s="1"/>
  <c r="I15" i="14" s="1"/>
  <c r="A17" i="14"/>
  <c r="E26" i="14"/>
  <c r="D26" i="14"/>
  <c r="I26" i="14" l="1"/>
  <c r="J26" i="14"/>
  <c r="C15" i="14"/>
  <c r="G26" i="14" l="1"/>
  <c r="J27" i="14" l="1"/>
</calcChain>
</file>

<file path=xl/sharedStrings.xml><?xml version="1.0" encoding="utf-8"?>
<sst xmlns="http://schemas.openxmlformats.org/spreadsheetml/2006/main" count="51" uniqueCount="41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基準額</t>
    <rPh sb="0" eb="2">
      <t>キジュン</t>
    </rPh>
    <rPh sb="2" eb="3">
      <t>ガク</t>
    </rPh>
    <phoneticPr fontId="1"/>
  </si>
  <si>
    <t>対象経費の</t>
    <rPh sb="0" eb="4">
      <t>タイショウケイヒ</t>
    </rPh>
    <phoneticPr fontId="1"/>
  </si>
  <si>
    <t>支出予定額</t>
    <rPh sb="0" eb="2">
      <t>シシュツ</t>
    </rPh>
    <rPh sb="2" eb="4">
      <t>ヨテイ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県補助</t>
    <rPh sb="0" eb="1">
      <t>ケン</t>
    </rPh>
    <rPh sb="1" eb="3">
      <t>ホジョ</t>
    </rPh>
    <phoneticPr fontId="1"/>
  </si>
  <si>
    <t>所要額</t>
    <rPh sb="0" eb="2">
      <t>ショヨウ</t>
    </rPh>
    <rPh sb="2" eb="3">
      <t>ガク</t>
    </rPh>
    <phoneticPr fontId="1"/>
  </si>
  <si>
    <t>（Ｆ）</t>
    <phoneticPr fontId="1"/>
  </si>
  <si>
    <t>（Ｇ）</t>
    <phoneticPr fontId="1"/>
  </si>
  <si>
    <t>　</t>
    <phoneticPr fontId="1"/>
  </si>
  <si>
    <t>（補助事業者名）</t>
  </si>
  <si>
    <t>補助率</t>
    <rPh sb="0" eb="3">
      <t>ホジョリツ</t>
    </rPh>
    <phoneticPr fontId="1"/>
  </si>
  <si>
    <t>（３／４）</t>
    <phoneticPr fontId="1"/>
  </si>
  <si>
    <t>（税抜）</t>
    <rPh sb="1" eb="2">
      <t>ゼイ</t>
    </rPh>
    <rPh sb="2" eb="3">
      <t>ヌ</t>
    </rPh>
    <phoneticPr fontId="1"/>
  </si>
  <si>
    <t>別紙１</t>
    <rPh sb="0" eb="2">
      <t>ベッシ</t>
    </rPh>
    <phoneticPr fontId="1"/>
  </si>
  <si>
    <t>申請事業者</t>
    <rPh sb="0" eb="2">
      <t>シンセイ</t>
    </rPh>
    <rPh sb="2" eb="5">
      <t>ジギョウシャ</t>
    </rPh>
    <phoneticPr fontId="1"/>
  </si>
  <si>
    <t>連携先事業者①</t>
    <rPh sb="0" eb="2">
      <t>レンケイ</t>
    </rPh>
    <rPh sb="2" eb="3">
      <t>サキ</t>
    </rPh>
    <rPh sb="3" eb="6">
      <t>ジギョウシャ</t>
    </rPh>
    <phoneticPr fontId="1"/>
  </si>
  <si>
    <t>連携先事業者②</t>
    <rPh sb="0" eb="2">
      <t>レンケイ</t>
    </rPh>
    <rPh sb="2" eb="3">
      <t>サキ</t>
    </rPh>
    <rPh sb="3" eb="6">
      <t>ジギョウシャ</t>
    </rPh>
    <phoneticPr fontId="1"/>
  </si>
  <si>
    <t>連携先事業者③</t>
    <rPh sb="0" eb="2">
      <t>レンケイ</t>
    </rPh>
    <rPh sb="2" eb="3">
      <t>サキ</t>
    </rPh>
    <rPh sb="3" eb="6">
      <t>ジギョウシャ</t>
    </rPh>
    <phoneticPr fontId="1"/>
  </si>
  <si>
    <t>連携先事業者④</t>
    <rPh sb="0" eb="2">
      <t>レンケイ</t>
    </rPh>
    <rPh sb="2" eb="3">
      <t>サキ</t>
    </rPh>
    <rPh sb="3" eb="6">
      <t>ジギョウシャ</t>
    </rPh>
    <phoneticPr fontId="1"/>
  </si>
  <si>
    <t>参考　連携医療機関数による補助上限額の変動</t>
    <rPh sb="3" eb="5">
      <t>レンケイ</t>
    </rPh>
    <rPh sb="5" eb="7">
      <t>イリョウ</t>
    </rPh>
    <rPh sb="7" eb="9">
      <t>キカン</t>
    </rPh>
    <rPh sb="9" eb="10">
      <t>スウ</t>
    </rPh>
    <rPh sb="13" eb="15">
      <t>ホジョ</t>
    </rPh>
    <phoneticPr fontId="1"/>
  </si>
  <si>
    <t>医療機関数</t>
    <rPh sb="0" eb="2">
      <t>イリョウ</t>
    </rPh>
    <rPh sb="2" eb="4">
      <t>キカン</t>
    </rPh>
    <rPh sb="4" eb="5">
      <t>スウ</t>
    </rPh>
    <phoneticPr fontId="1"/>
  </si>
  <si>
    <t>1施設あたり</t>
    <rPh sb="1" eb="3">
      <t>シセツ</t>
    </rPh>
    <phoneticPr fontId="1"/>
  </si>
  <si>
    <t>所要額調書</t>
    <rPh sb="0" eb="2">
      <t>ショヨウ</t>
    </rPh>
    <rPh sb="2" eb="3">
      <t>ガク</t>
    </rPh>
    <rPh sb="3" eb="5">
      <t>チョウショ</t>
    </rPh>
    <phoneticPr fontId="1"/>
  </si>
  <si>
    <t>連携体全体の</t>
    <rPh sb="0" eb="2">
      <t>レンケイ</t>
    </rPh>
    <rPh sb="2" eb="3">
      <t>タイ</t>
    </rPh>
    <rPh sb="3" eb="5">
      <t>ゼンタイ</t>
    </rPh>
    <phoneticPr fontId="1"/>
  </si>
  <si>
    <t>5者以上</t>
    <rPh sb="1" eb="2">
      <t>モノ</t>
    </rPh>
    <rPh sb="2" eb="4">
      <t>イジョウ</t>
    </rPh>
    <phoneticPr fontId="1"/>
  </si>
  <si>
    <t>連携体を構成する事業者数</t>
    <rPh sb="0" eb="2">
      <t>レンケイ</t>
    </rPh>
    <rPh sb="2" eb="3">
      <t>タイ</t>
    </rPh>
    <rPh sb="4" eb="6">
      <t>コウセイ</t>
    </rPh>
    <rPh sb="8" eb="11">
      <t>ジギョウシャ</t>
    </rPh>
    <rPh sb="11" eb="12">
      <t>スウ</t>
    </rPh>
    <phoneticPr fontId="1"/>
  </si>
  <si>
    <t>連携体全体の合計</t>
    <rPh sb="0" eb="2">
      <t>レンケイ</t>
    </rPh>
    <rPh sb="2" eb="3">
      <t>タイ</t>
    </rPh>
    <rPh sb="3" eb="5">
      <t>ゼンタイ</t>
    </rPh>
    <rPh sb="6" eb="8">
      <t>ゴウケイ</t>
    </rPh>
    <phoneticPr fontId="1"/>
  </si>
  <si>
    <t>エラーチェック</t>
    <phoneticPr fontId="1"/>
  </si>
  <si>
    <t>×の場合は経費支出額を減らしてください</t>
    <rPh sb="2" eb="4">
      <t>バアイ</t>
    </rPh>
    <rPh sb="5" eb="7">
      <t>ケイヒ</t>
    </rPh>
    <rPh sb="7" eb="9">
      <t>シシュツ</t>
    </rPh>
    <rPh sb="9" eb="10">
      <t>ガク</t>
    </rPh>
    <rPh sb="11" eb="12">
      <t>ヘ</t>
    </rPh>
    <phoneticPr fontId="1"/>
  </si>
  <si>
    <t>(Ｂ) － (Ｃ)</t>
    <phoneticPr fontId="1"/>
  </si>
  <si>
    <t>（注）　１　エクセルへの入力にあたっては、薄水色で着色されたセルに、金額や文字を入力してください。
　　　　　　※白色（無着色）のセルには、計算式等が既に入力されています。
　　　　２　対象経費の支出予定額(Ｂ)欄には、当該事業に係る部分のみ記入してください。
　　　　３　寄付金その他の収入があれば、(Ｃ)欄に記入してください。</t>
    <phoneticPr fontId="1"/>
  </si>
  <si>
    <t>(Ａ)と(Ｄ)を比較して少ない方の額</t>
    <rPh sb="8" eb="10">
      <t>ヒカク</t>
    </rPh>
    <rPh sb="12" eb="13">
      <t>スク</t>
    </rPh>
    <rPh sb="15" eb="16">
      <t>ホウ</t>
    </rPh>
    <rPh sb="17" eb="18">
      <t>ガ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13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b/>
      <u/>
      <sz val="11"/>
      <name val="ＭＳ 明朝"/>
      <family val="1"/>
      <charset val="128"/>
    </font>
    <font>
      <sz val="14"/>
      <name val="ＭＳ 明朝"/>
      <family val="1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>
      <left style="thick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 style="thick">
        <color indexed="64"/>
      </right>
      <top/>
      <bottom/>
      <diagonal/>
    </border>
    <border>
      <left style="thick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/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/>
      <bottom/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76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6" fillId="0" borderId="0" xfId="0" applyFont="1"/>
    <xf numFmtId="0" fontId="6" fillId="0" borderId="0" xfId="0" applyFont="1" applyBorder="1"/>
    <xf numFmtId="0" fontId="7" fillId="0" borderId="0" xfId="0" applyFont="1" applyBorder="1"/>
    <xf numFmtId="0" fontId="6" fillId="0" borderId="2" xfId="0" applyFont="1" applyBorder="1" applyAlignment="1"/>
    <xf numFmtId="0" fontId="7" fillId="0" borderId="3" xfId="0" applyFont="1" applyBorder="1"/>
    <xf numFmtId="0" fontId="7" fillId="0" borderId="5" xfId="0" applyFont="1" applyBorder="1" applyAlignment="1">
      <alignment horizontal="center"/>
    </xf>
    <xf numFmtId="0" fontId="7" fillId="0" borderId="5" xfId="0" applyFont="1" applyBorder="1" applyAlignment="1">
      <alignment horizontal="center" vertical="center"/>
    </xf>
    <xf numFmtId="0" fontId="7" fillId="0" borderId="5" xfId="0" applyFont="1" applyBorder="1" applyAlignment="1"/>
    <xf numFmtId="0" fontId="7" fillId="0" borderId="5" xfId="0" applyFont="1" applyFill="1" applyBorder="1" applyAlignment="1">
      <alignment horizontal="center"/>
    </xf>
    <xf numFmtId="0" fontId="7" fillId="0" borderId="4" xfId="0" applyFont="1" applyBorder="1" applyAlignment="1">
      <alignment horizontal="right"/>
    </xf>
    <xf numFmtId="0" fontId="0" fillId="0" borderId="5" xfId="0" applyFont="1" applyBorder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0" fontId="10" fillId="0" borderId="0" xfId="0" applyFont="1" applyAlignment="1">
      <alignment horizontal="center"/>
    </xf>
    <xf numFmtId="0" fontId="10" fillId="0" borderId="0" xfId="0" applyFont="1" applyAlignment="1">
      <alignment horizontal="center"/>
    </xf>
    <xf numFmtId="0" fontId="3" fillId="0" borderId="0" xfId="0" applyFont="1" applyFill="1" applyAlignment="1">
      <alignment horizontal="right"/>
    </xf>
    <xf numFmtId="0" fontId="0" fillId="2" borderId="7" xfId="0" applyFont="1" applyFill="1" applyBorder="1" applyAlignment="1">
      <alignment horizontal="center" vertical="center"/>
    </xf>
    <xf numFmtId="176" fontId="7" fillId="0" borderId="6" xfId="2" applyNumberFormat="1" applyFont="1" applyFill="1" applyBorder="1" applyAlignment="1">
      <alignment horizontal="center" vertical="center"/>
    </xf>
    <xf numFmtId="38" fontId="7" fillId="0" borderId="15" xfId="2" applyFont="1" applyFill="1" applyBorder="1" applyAlignment="1">
      <alignment horizontal="center" vertical="center"/>
    </xf>
    <xf numFmtId="0" fontId="7" fillId="0" borderId="1" xfId="0" applyFont="1" applyBorder="1"/>
    <xf numFmtId="0" fontId="7" fillId="0" borderId="7" xfId="0" applyFont="1" applyBorder="1" applyAlignment="1">
      <alignment horizontal="center"/>
    </xf>
    <xf numFmtId="0" fontId="7" fillId="0" borderId="12" xfId="0" applyFont="1" applyBorder="1" applyAlignment="1">
      <alignment horizontal="right"/>
    </xf>
    <xf numFmtId="38" fontId="7" fillId="0" borderId="16" xfId="2" applyFont="1" applyFill="1" applyBorder="1" applyAlignment="1">
      <alignment horizontal="center" vertical="center"/>
    </xf>
    <xf numFmtId="0" fontId="7" fillId="0" borderId="17" xfId="0" applyFont="1" applyBorder="1"/>
    <xf numFmtId="0" fontId="7" fillId="0" borderId="18" xfId="0" applyFont="1" applyBorder="1" applyAlignment="1">
      <alignment horizontal="center"/>
    </xf>
    <xf numFmtId="0" fontId="7" fillId="0" borderId="19" xfId="0" applyFont="1" applyBorder="1" applyAlignment="1">
      <alignment horizontal="right"/>
    </xf>
    <xf numFmtId="38" fontId="7" fillId="0" borderId="21" xfId="2" applyFont="1" applyFill="1" applyBorder="1" applyAlignment="1">
      <alignment horizontal="center" vertical="center"/>
    </xf>
    <xf numFmtId="38" fontId="0" fillId="0" borderId="0" xfId="2" applyFont="1" applyFill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11" fillId="0" borderId="22" xfId="0" applyFont="1" applyBorder="1" applyAlignment="1">
      <alignment vertical="center"/>
    </xf>
    <xf numFmtId="0" fontId="11" fillId="0" borderId="22" xfId="0" applyFont="1" applyBorder="1" applyAlignment="1">
      <alignment horizontal="center" vertical="center" wrapText="1"/>
    </xf>
    <xf numFmtId="0" fontId="7" fillId="0" borderId="5" xfId="0" applyFont="1" applyBorder="1" applyAlignment="1">
      <alignment vertical="top" wrapText="1"/>
    </xf>
    <xf numFmtId="0" fontId="7" fillId="0" borderId="0" xfId="0" applyFont="1" applyBorder="1" applyAlignment="1">
      <alignment vertical="top" wrapText="1"/>
    </xf>
    <xf numFmtId="0" fontId="7" fillId="0" borderId="2" xfId="0" applyFont="1" applyBorder="1" applyAlignment="1">
      <alignment vertical="top" wrapText="1"/>
    </xf>
    <xf numFmtId="0" fontId="6" fillId="0" borderId="14" xfId="0" applyFont="1" applyBorder="1"/>
    <xf numFmtId="0" fontId="2" fillId="0" borderId="1" xfId="0" applyFont="1" applyBorder="1" applyAlignment="1">
      <alignment horizontal="center"/>
    </xf>
    <xf numFmtId="0" fontId="2" fillId="0" borderId="13" xfId="0" applyFont="1" applyBorder="1" applyAlignment="1">
      <alignment horizontal="center"/>
    </xf>
    <xf numFmtId="0" fontId="2" fillId="0" borderId="7" xfId="0" applyFont="1" applyBorder="1" applyAlignment="1">
      <alignment horizontal="center"/>
    </xf>
    <xf numFmtId="0" fontId="2" fillId="0" borderId="10" xfId="0" applyFont="1" applyBorder="1" applyAlignment="1">
      <alignment horizontal="center"/>
    </xf>
    <xf numFmtId="0" fontId="2" fillId="0" borderId="12" xfId="0" applyFont="1" applyBorder="1" applyAlignment="1">
      <alignment horizontal="center"/>
    </xf>
    <xf numFmtId="0" fontId="2" fillId="0" borderId="11" xfId="0" applyFont="1" applyBorder="1" applyAlignment="1">
      <alignment horizontal="center"/>
    </xf>
    <xf numFmtId="0" fontId="2" fillId="0" borderId="8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top" wrapText="1"/>
    </xf>
    <xf numFmtId="38" fontId="7" fillId="0" borderId="3" xfId="2" applyFont="1" applyFill="1" applyBorder="1" applyAlignment="1">
      <alignment horizontal="center" vertical="center"/>
    </xf>
    <xf numFmtId="38" fontId="7" fillId="0" borderId="4" xfId="2" applyFont="1" applyFill="1" applyBorder="1" applyAlignment="1">
      <alignment horizontal="center" vertical="center"/>
    </xf>
    <xf numFmtId="38" fontId="7" fillId="0" borderId="5" xfId="2" applyFont="1" applyFill="1" applyBorder="1" applyAlignment="1">
      <alignment horizontal="center" vertical="center"/>
    </xf>
    <xf numFmtId="0" fontId="8" fillId="0" borderId="0" xfId="0" applyFont="1" applyBorder="1" applyAlignment="1">
      <alignment horizontal="left" vertical="center" wrapText="1"/>
    </xf>
    <xf numFmtId="176" fontId="7" fillId="2" borderId="13" xfId="0" applyNumberFormat="1" applyFont="1" applyFill="1" applyBorder="1" applyAlignment="1">
      <alignment horizontal="center" vertical="center"/>
    </xf>
    <xf numFmtId="176" fontId="7" fillId="2" borderId="11" xfId="0" applyNumberFormat="1" applyFont="1" applyFill="1" applyBorder="1" applyAlignment="1">
      <alignment horizontal="center" vertical="center"/>
    </xf>
    <xf numFmtId="0" fontId="0" fillId="2" borderId="8" xfId="0" applyFont="1" applyFill="1" applyBorder="1" applyAlignment="1">
      <alignment horizontal="center" vertical="center"/>
    </xf>
    <xf numFmtId="0" fontId="0" fillId="2" borderId="14" xfId="0" applyFont="1" applyFill="1" applyBorder="1" applyAlignment="1">
      <alignment horizontal="center" vertical="center"/>
    </xf>
    <xf numFmtId="0" fontId="7" fillId="2" borderId="3" xfId="0" applyFont="1" applyFill="1" applyBorder="1" applyAlignment="1">
      <alignment horizontal="center" vertical="center"/>
    </xf>
    <xf numFmtId="0" fontId="7" fillId="2" borderId="4" xfId="0" applyFont="1" applyFill="1" applyBorder="1" applyAlignment="1">
      <alignment horizontal="center" vertical="center"/>
    </xf>
    <xf numFmtId="38" fontId="7" fillId="0" borderId="1" xfId="2" applyFont="1" applyFill="1" applyBorder="1" applyAlignment="1">
      <alignment horizontal="center" vertical="center"/>
    </xf>
    <xf numFmtId="38" fontId="7" fillId="0" borderId="12" xfId="2" applyFont="1" applyFill="1" applyBorder="1" applyAlignment="1">
      <alignment horizontal="center" vertical="center"/>
    </xf>
    <xf numFmtId="176" fontId="7" fillId="2" borderId="10" xfId="0" applyNumberFormat="1" applyFont="1" applyFill="1" applyBorder="1" applyAlignment="1">
      <alignment horizontal="center" vertical="center"/>
    </xf>
    <xf numFmtId="0" fontId="7" fillId="2" borderId="3" xfId="2" applyNumberFormat="1" applyFont="1" applyFill="1" applyBorder="1" applyAlignment="1">
      <alignment horizontal="center" vertical="center"/>
    </xf>
    <xf numFmtId="0" fontId="7" fillId="2" borderId="4" xfId="2" applyNumberFormat="1" applyFont="1" applyFill="1" applyBorder="1" applyAlignment="1">
      <alignment horizontal="center" vertical="center"/>
    </xf>
    <xf numFmtId="0" fontId="10" fillId="0" borderId="0" xfId="0" applyFont="1" applyAlignment="1">
      <alignment horizontal="center"/>
    </xf>
    <xf numFmtId="0" fontId="6" fillId="2" borderId="2" xfId="0" applyFont="1" applyFill="1" applyBorder="1" applyAlignment="1">
      <alignment horizontal="left"/>
    </xf>
    <xf numFmtId="38" fontId="7" fillId="0" borderId="20" xfId="2" applyFont="1" applyFill="1" applyBorder="1" applyAlignment="1">
      <alignment horizontal="center" vertical="center"/>
    </xf>
    <xf numFmtId="38" fontId="7" fillId="0" borderId="19" xfId="2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 wrapText="1"/>
    </xf>
    <xf numFmtId="38" fontId="7" fillId="0" borderId="7" xfId="2" applyFont="1" applyFill="1" applyBorder="1" applyAlignment="1">
      <alignment horizontal="center" vertical="center"/>
    </xf>
    <xf numFmtId="38" fontId="7" fillId="0" borderId="18" xfId="2" applyFont="1" applyFill="1" applyBorder="1" applyAlignment="1">
      <alignment horizontal="center" vertical="center"/>
    </xf>
    <xf numFmtId="0" fontId="7" fillId="2" borderId="5" xfId="0" applyFont="1" applyFill="1" applyBorder="1" applyAlignment="1">
      <alignment horizontal="center" vertical="center"/>
    </xf>
    <xf numFmtId="176" fontId="7" fillId="2" borderId="13" xfId="2" applyNumberFormat="1" applyFont="1" applyFill="1" applyBorder="1" applyAlignment="1">
      <alignment horizontal="center" vertical="center"/>
    </xf>
    <xf numFmtId="176" fontId="7" fillId="2" borderId="11" xfId="2" applyNumberFormat="1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center" vertical="center"/>
    </xf>
  </cellXfs>
  <cellStyles count="5">
    <cellStyle name="桁区切り" xfId="2" builtinId="6"/>
    <cellStyle name="桁区切り 2" xfId="1" xr:uid="{00000000-0005-0000-0000-000001000000}"/>
    <cellStyle name="桁区切り 3" xfId="4" xr:uid="{00000000-0005-0000-0000-000002000000}"/>
    <cellStyle name="標準" xfId="0" builtinId="0"/>
    <cellStyle name="標準 2" xfId="3" xr:uid="{00000000-0005-0000-0000-000004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J30"/>
  <sheetViews>
    <sheetView tabSelected="1" view="pageBreakPreview" zoomScale="115" zoomScaleNormal="100" zoomScaleSheetLayoutView="115" workbookViewId="0"/>
  </sheetViews>
  <sheetFormatPr defaultColWidth="9" defaultRowHeight="12"/>
  <cols>
    <col min="1" max="1" width="32.5546875" style="1" customWidth="1"/>
    <col min="2" max="2" width="8.109375" style="1" customWidth="1"/>
    <col min="3" max="3" width="16.33203125" style="1" customWidth="1"/>
    <col min="4" max="9" width="14.77734375" style="1" customWidth="1"/>
    <col min="10" max="10" width="17.6640625" style="1" customWidth="1"/>
    <col min="11" max="16384" width="9" style="1"/>
  </cols>
  <sheetData>
    <row r="1" spans="1:9">
      <c r="A1" s="4" t="s">
        <v>22</v>
      </c>
    </row>
    <row r="2" spans="1:9">
      <c r="A2" s="4"/>
      <c r="B2" s="4"/>
      <c r="C2" s="4"/>
      <c r="D2" s="4"/>
      <c r="E2" s="4"/>
      <c r="F2" s="4"/>
      <c r="G2" s="4"/>
      <c r="H2" s="4"/>
      <c r="I2" s="4"/>
    </row>
    <row r="3" spans="1:9" ht="16.2">
      <c r="A3" s="4"/>
      <c r="B3" s="4"/>
      <c r="C3" s="62" t="s">
        <v>31</v>
      </c>
      <c r="D3" s="62"/>
      <c r="E3" s="62"/>
      <c r="F3" s="62"/>
      <c r="G3" s="62"/>
      <c r="H3" s="4"/>
      <c r="I3" s="4"/>
    </row>
    <row r="4" spans="1:9" ht="16.2">
      <c r="A4" s="4"/>
      <c r="B4" s="4"/>
      <c r="C4" s="16"/>
      <c r="D4" s="16"/>
      <c r="E4" s="16"/>
      <c r="F4" s="17"/>
      <c r="G4" s="16"/>
      <c r="H4" s="4"/>
      <c r="I4" s="4"/>
    </row>
    <row r="5" spans="1:9" ht="12" customHeight="1">
      <c r="C5" s="4"/>
      <c r="D5" s="4"/>
      <c r="E5" s="4"/>
      <c r="F5" s="35"/>
      <c r="G5" s="4"/>
      <c r="H5" s="4"/>
      <c r="I5" s="4"/>
    </row>
    <row r="6" spans="1:9" ht="15" customHeight="1">
      <c r="C6" s="5" t="s">
        <v>17</v>
      </c>
      <c r="D6" s="5"/>
      <c r="E6" s="6"/>
      <c r="F6" s="35"/>
      <c r="G6" s="7" t="s">
        <v>18</v>
      </c>
      <c r="H6" s="63"/>
      <c r="I6" s="63"/>
    </row>
    <row r="7" spans="1:9" ht="6" customHeight="1" thickBot="1">
      <c r="C7" s="4"/>
      <c r="D7" s="4"/>
      <c r="E7" s="4"/>
      <c r="F7" s="36"/>
      <c r="G7" s="37"/>
      <c r="H7" s="5"/>
      <c r="I7" s="4"/>
    </row>
    <row r="8" spans="1:9" ht="13.8" thickTop="1">
      <c r="A8" s="38"/>
      <c r="B8" s="39"/>
      <c r="C8" s="8"/>
      <c r="D8" s="8"/>
      <c r="E8" s="8"/>
      <c r="F8" s="8"/>
      <c r="G8" s="8"/>
      <c r="H8" s="22"/>
      <c r="I8" s="26"/>
    </row>
    <row r="9" spans="1:9" s="2" customFormat="1" ht="13.5" customHeight="1">
      <c r="A9" s="40"/>
      <c r="B9" s="41"/>
      <c r="C9" s="9" t="s">
        <v>32</v>
      </c>
      <c r="D9" s="10" t="s">
        <v>7</v>
      </c>
      <c r="E9" s="10" t="s">
        <v>9</v>
      </c>
      <c r="F9" s="34"/>
      <c r="G9" s="46" t="s">
        <v>40</v>
      </c>
      <c r="H9" s="23"/>
      <c r="I9" s="27"/>
    </row>
    <row r="10" spans="1:9" s="2" customFormat="1" ht="13.2">
      <c r="A10" s="40"/>
      <c r="B10" s="41"/>
      <c r="C10" s="9" t="s">
        <v>6</v>
      </c>
      <c r="D10" s="10" t="s">
        <v>8</v>
      </c>
      <c r="E10" s="10" t="s">
        <v>10</v>
      </c>
      <c r="F10" s="9" t="s">
        <v>12</v>
      </c>
      <c r="G10" s="46"/>
      <c r="H10" s="23" t="s">
        <v>19</v>
      </c>
      <c r="I10" s="27" t="s">
        <v>13</v>
      </c>
    </row>
    <row r="11" spans="1:9" s="2" customFormat="1" ht="13.2">
      <c r="A11" s="40"/>
      <c r="B11" s="41"/>
      <c r="C11" s="9"/>
      <c r="D11" s="15" t="s">
        <v>21</v>
      </c>
      <c r="E11" s="10" t="s">
        <v>11</v>
      </c>
      <c r="F11" s="9" t="s">
        <v>38</v>
      </c>
      <c r="G11" s="46"/>
      <c r="H11" s="23" t="s">
        <v>20</v>
      </c>
      <c r="I11" s="27" t="s">
        <v>14</v>
      </c>
    </row>
    <row r="12" spans="1:9" s="2" customFormat="1" ht="13.2">
      <c r="A12" s="40"/>
      <c r="B12" s="41"/>
      <c r="C12" s="9"/>
      <c r="D12" s="11"/>
      <c r="E12" s="11"/>
      <c r="F12" s="11"/>
      <c r="G12" s="9"/>
      <c r="H12" s="23"/>
      <c r="I12" s="27"/>
    </row>
    <row r="13" spans="1:9" s="2" customFormat="1" ht="13.2">
      <c r="A13" s="40"/>
      <c r="B13" s="41"/>
      <c r="C13" s="9" t="s">
        <v>1</v>
      </c>
      <c r="D13" s="12" t="s">
        <v>2</v>
      </c>
      <c r="E13" s="9" t="s">
        <v>3</v>
      </c>
      <c r="F13" s="12" t="s">
        <v>4</v>
      </c>
      <c r="G13" s="9" t="s">
        <v>5</v>
      </c>
      <c r="H13" s="23" t="s">
        <v>15</v>
      </c>
      <c r="I13" s="27" t="s">
        <v>16</v>
      </c>
    </row>
    <row r="14" spans="1:9" s="3" customFormat="1" ht="13.2">
      <c r="A14" s="42"/>
      <c r="B14" s="43"/>
      <c r="C14" s="13" t="s">
        <v>0</v>
      </c>
      <c r="D14" s="13" t="s">
        <v>0</v>
      </c>
      <c r="E14" s="13" t="s">
        <v>0</v>
      </c>
      <c r="F14" s="13" t="s">
        <v>0</v>
      </c>
      <c r="G14" s="13" t="s">
        <v>0</v>
      </c>
      <c r="H14" s="24" t="s">
        <v>0</v>
      </c>
      <c r="I14" s="28" t="s">
        <v>0</v>
      </c>
    </row>
    <row r="15" spans="1:9" s="3" customFormat="1" ht="21" customHeight="1">
      <c r="A15" s="14" t="s">
        <v>34</v>
      </c>
      <c r="B15" s="19"/>
      <c r="C15" s="47" t="str">
        <f>IF(B15="","",VLOOKUP(B15,連携医療機関数による基準額の変動!$A$3:$B$7,2,FALSE))</f>
        <v/>
      </c>
      <c r="D15" s="51"/>
      <c r="E15" s="55"/>
      <c r="F15" s="47" t="str">
        <f>IF(D15="","",D15-E15)</f>
        <v/>
      </c>
      <c r="G15" s="47" t="str">
        <f>IF(F15="","",MIN(C15,F15))</f>
        <v/>
      </c>
      <c r="H15" s="57" t="str">
        <f>IF(G15="","",ROUNDDOWN((G15*3/4),0))</f>
        <v/>
      </c>
      <c r="I15" s="64" t="str">
        <f>IF(H15="","",ROUNDDOWN(H15,-3))</f>
        <v/>
      </c>
    </row>
    <row r="16" spans="1:9" s="3" customFormat="1" ht="13.2" customHeight="1">
      <c r="A16" s="44" t="s">
        <v>23</v>
      </c>
      <c r="B16" s="45"/>
      <c r="C16" s="49"/>
      <c r="D16" s="59"/>
      <c r="E16" s="71"/>
      <c r="F16" s="49"/>
      <c r="G16" s="49"/>
      <c r="H16" s="69"/>
      <c r="I16" s="70"/>
    </row>
    <row r="17" spans="1:10" s="3" customFormat="1" ht="28.2" customHeight="1">
      <c r="A17" s="74" t="str">
        <f>IF(H6="","",H6)</f>
        <v/>
      </c>
      <c r="B17" s="75"/>
      <c r="C17" s="49"/>
      <c r="D17" s="52"/>
      <c r="E17" s="56"/>
      <c r="F17" s="48"/>
      <c r="G17" s="48"/>
      <c r="H17" s="58"/>
      <c r="I17" s="65"/>
    </row>
    <row r="18" spans="1:10" s="3" customFormat="1" ht="15.6" customHeight="1">
      <c r="A18" s="44" t="s">
        <v>24</v>
      </c>
      <c r="B18" s="45"/>
      <c r="C18" s="49"/>
      <c r="D18" s="51"/>
      <c r="E18" s="55"/>
      <c r="F18" s="47" t="str">
        <f>IF(D18="","",D18-E18)</f>
        <v/>
      </c>
      <c r="G18" s="47" t="str">
        <f>IF(F18="","",MIN(C15,F18))</f>
        <v/>
      </c>
      <c r="H18" s="57" t="str">
        <f>IF(G18="","",ROUNDDOWN((G18*3/4),0))</f>
        <v/>
      </c>
      <c r="I18" s="64" t="str">
        <f>IF(H18="","",ROUNDDOWN(H18,-3))</f>
        <v/>
      </c>
    </row>
    <row r="19" spans="1:10" s="3" customFormat="1" ht="28.2" customHeight="1">
      <c r="A19" s="53"/>
      <c r="B19" s="54"/>
      <c r="C19" s="49"/>
      <c r="D19" s="52"/>
      <c r="E19" s="56"/>
      <c r="F19" s="48"/>
      <c r="G19" s="48"/>
      <c r="H19" s="58"/>
      <c r="I19" s="65"/>
    </row>
    <row r="20" spans="1:10" s="3" customFormat="1" ht="14.4" customHeight="1">
      <c r="A20" s="44" t="s">
        <v>25</v>
      </c>
      <c r="B20" s="45"/>
      <c r="C20" s="49"/>
      <c r="D20" s="72"/>
      <c r="E20" s="60"/>
      <c r="F20" s="47" t="str">
        <f>IF(D20="","",D20-E20)</f>
        <v/>
      </c>
      <c r="G20" s="47" t="str">
        <f>IF(F20="","",MIN(C15,F20))</f>
        <v/>
      </c>
      <c r="H20" s="57" t="str">
        <f>IF(G20="","",ROUNDDOWN((G20*3/4),0))</f>
        <v/>
      </c>
      <c r="I20" s="64" t="str">
        <f>IF(H20="","",ROUNDDOWN(H20,-3))</f>
        <v/>
      </c>
    </row>
    <row r="21" spans="1:10" s="3" customFormat="1" ht="28.2" customHeight="1">
      <c r="A21" s="53"/>
      <c r="B21" s="54"/>
      <c r="C21" s="49"/>
      <c r="D21" s="73"/>
      <c r="E21" s="61"/>
      <c r="F21" s="48"/>
      <c r="G21" s="48"/>
      <c r="H21" s="58"/>
      <c r="I21" s="65"/>
    </row>
    <row r="22" spans="1:10" s="3" customFormat="1" ht="16.8" customHeight="1">
      <c r="A22" s="44" t="s">
        <v>26</v>
      </c>
      <c r="B22" s="45"/>
      <c r="C22" s="49"/>
      <c r="D22" s="72"/>
      <c r="E22" s="60"/>
      <c r="F22" s="47" t="str">
        <f>IF(D22="","",D22-E22)</f>
        <v/>
      </c>
      <c r="G22" s="47" t="str">
        <f>IF(F22="","",MIN(C15,F22))</f>
        <v/>
      </c>
      <c r="H22" s="57" t="str">
        <f>IF(G22="","",ROUNDDOWN((G22*3/4),0))</f>
        <v/>
      </c>
      <c r="I22" s="64" t="str">
        <f>IF(H22="","",ROUNDDOWN(H22,-3))</f>
        <v/>
      </c>
    </row>
    <row r="23" spans="1:10" s="3" customFormat="1" ht="28.2" customHeight="1">
      <c r="A23" s="53"/>
      <c r="B23" s="54"/>
      <c r="C23" s="49"/>
      <c r="D23" s="73"/>
      <c r="E23" s="61"/>
      <c r="F23" s="48"/>
      <c r="G23" s="48"/>
      <c r="H23" s="58"/>
      <c r="I23" s="65"/>
    </row>
    <row r="24" spans="1:10" s="3" customFormat="1" ht="16.8" customHeight="1">
      <c r="A24" s="44" t="s">
        <v>27</v>
      </c>
      <c r="B24" s="45"/>
      <c r="C24" s="49"/>
      <c r="D24" s="72"/>
      <c r="E24" s="60"/>
      <c r="F24" s="47" t="str">
        <f>IF(D24="","",D24-E24)</f>
        <v/>
      </c>
      <c r="G24" s="47" t="str">
        <f>IF(F24="","",MIN(C15,F24))</f>
        <v/>
      </c>
      <c r="H24" s="57" t="str">
        <f>IF(G24="","",ROUNDDOWN((G24*3/4),0))</f>
        <v/>
      </c>
      <c r="I24" s="64" t="str">
        <f>IF(H24="","",ROUNDDOWN(H24,-3))</f>
        <v/>
      </c>
      <c r="J24" s="33"/>
    </row>
    <row r="25" spans="1:10" s="3" customFormat="1" ht="28.2" customHeight="1">
      <c r="A25" s="53"/>
      <c r="B25" s="54"/>
      <c r="C25" s="49"/>
      <c r="D25" s="73"/>
      <c r="E25" s="61"/>
      <c r="F25" s="48"/>
      <c r="G25" s="48"/>
      <c r="H25" s="58"/>
      <c r="I25" s="65"/>
      <c r="J25" s="32" t="s">
        <v>36</v>
      </c>
    </row>
    <row r="26" spans="1:10" s="18" customFormat="1" ht="28.2" customHeight="1" thickBot="1">
      <c r="A26" s="66" t="s">
        <v>35</v>
      </c>
      <c r="B26" s="67"/>
      <c r="C26" s="48"/>
      <c r="D26" s="20" t="str">
        <f>IF(D15="","",SUM(D15:D25))</f>
        <v/>
      </c>
      <c r="E26" s="20" t="str">
        <f>IF(E15="","",SUM(E15:E25))</f>
        <v/>
      </c>
      <c r="F26" s="21"/>
      <c r="G26" s="20" t="str">
        <f>IF(G15="","",SUM(G15:G25))</f>
        <v/>
      </c>
      <c r="H26" s="25"/>
      <c r="I26" s="29" t="str">
        <f>IF(I15="","",SUM(I15:I25))</f>
        <v/>
      </c>
      <c r="J26" s="30" t="e">
        <f>IF(B15="","",VLOOKUP(B15,連携医療機関数による基準額の変動!$A$3:$B$7,2,FALSE))*0.75</f>
        <v>#VALUE!</v>
      </c>
    </row>
    <row r="27" spans="1:10" ht="13.95" customHeight="1" thickTop="1">
      <c r="A27" s="50" t="s">
        <v>39</v>
      </c>
      <c r="B27" s="50"/>
      <c r="C27" s="50"/>
      <c r="D27" s="50"/>
      <c r="E27" s="50"/>
      <c r="F27" s="50"/>
      <c r="G27" s="50"/>
      <c r="H27" s="50"/>
      <c r="I27" s="50"/>
      <c r="J27" s="31" t="e">
        <f>IF(I26&lt;=J26,"○","×")</f>
        <v>#VALUE!</v>
      </c>
    </row>
    <row r="28" spans="1:10" ht="13.95" customHeight="1">
      <c r="A28" s="50"/>
      <c r="B28" s="50"/>
      <c r="C28" s="50"/>
      <c r="D28" s="50"/>
      <c r="E28" s="50"/>
      <c r="F28" s="50"/>
      <c r="G28" s="50"/>
      <c r="H28" s="50"/>
      <c r="I28" s="50"/>
      <c r="J28" s="68" t="s">
        <v>37</v>
      </c>
    </row>
    <row r="29" spans="1:10" ht="13.95" customHeight="1">
      <c r="A29" s="50"/>
      <c r="B29" s="50"/>
      <c r="C29" s="50"/>
      <c r="D29" s="50"/>
      <c r="E29" s="50"/>
      <c r="F29" s="50"/>
      <c r="G29" s="50"/>
      <c r="H29" s="50"/>
      <c r="I29" s="50"/>
      <c r="J29" s="68"/>
    </row>
    <row r="30" spans="1:10" ht="12" customHeight="1">
      <c r="A30" s="50"/>
      <c r="B30" s="50"/>
      <c r="C30" s="50"/>
      <c r="D30" s="50"/>
      <c r="E30" s="50"/>
      <c r="F30" s="50"/>
      <c r="G30" s="50"/>
      <c r="H30" s="50"/>
      <c r="I30" s="50"/>
      <c r="J30" s="68"/>
    </row>
  </sheetData>
  <mergeCells count="48">
    <mergeCell ref="A26:B26"/>
    <mergeCell ref="C15:C26"/>
    <mergeCell ref="J28:J30"/>
    <mergeCell ref="G18:G19"/>
    <mergeCell ref="H15:H17"/>
    <mergeCell ref="I15:I17"/>
    <mergeCell ref="E15:E17"/>
    <mergeCell ref="G15:G17"/>
    <mergeCell ref="H18:H19"/>
    <mergeCell ref="I18:I19"/>
    <mergeCell ref="D20:D21"/>
    <mergeCell ref="D22:D23"/>
    <mergeCell ref="D24:D25"/>
    <mergeCell ref="A17:B17"/>
    <mergeCell ref="C3:G3"/>
    <mergeCell ref="H6:I6"/>
    <mergeCell ref="I24:I25"/>
    <mergeCell ref="G20:G21"/>
    <mergeCell ref="H20:H21"/>
    <mergeCell ref="I20:I21"/>
    <mergeCell ref="G22:G23"/>
    <mergeCell ref="H22:H23"/>
    <mergeCell ref="I22:I23"/>
    <mergeCell ref="G24:G25"/>
    <mergeCell ref="A27:I30"/>
    <mergeCell ref="D18:D19"/>
    <mergeCell ref="A23:B23"/>
    <mergeCell ref="A24:B24"/>
    <mergeCell ref="A25:B25"/>
    <mergeCell ref="E18:E19"/>
    <mergeCell ref="A18:B18"/>
    <mergeCell ref="A19:B19"/>
    <mergeCell ref="A20:B20"/>
    <mergeCell ref="A21:B21"/>
    <mergeCell ref="A22:B22"/>
    <mergeCell ref="H24:H25"/>
    <mergeCell ref="F24:F25"/>
    <mergeCell ref="E20:E21"/>
    <mergeCell ref="E22:E23"/>
    <mergeCell ref="E24:E25"/>
    <mergeCell ref="A8:B14"/>
    <mergeCell ref="A16:B16"/>
    <mergeCell ref="G9:G11"/>
    <mergeCell ref="F20:F21"/>
    <mergeCell ref="F22:F23"/>
    <mergeCell ref="F15:F17"/>
    <mergeCell ref="F18:F19"/>
    <mergeCell ref="D15:D17"/>
  </mergeCells>
  <phoneticPr fontId="1"/>
  <dataValidations count="1">
    <dataValidation type="list" allowBlank="1" showInputMessage="1" showErrorMessage="1" sqref="B15" xr:uid="{00000000-0002-0000-0000-000000000000}">
      <formula1>"2,3,4,5者以上"</formula1>
    </dataValidation>
  </dataValidations>
  <printOptions horizontalCentered="1"/>
  <pageMargins left="0.43307086614173229" right="0.43307086614173229" top="1.1811023622047245" bottom="0.39370078740157483" header="0.51181102362204722" footer="0.51181102362204722"/>
  <pageSetup paperSize="9" scale="97" orientation="landscape" horizontalDpi="300" verticalDpi="300" r:id="rId1"/>
  <headerFooter alignWithMargins="0">
    <oddFooter>&amp;R&amp;"ＭＳ 明朝,標準"（多職種連携型）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</sheetPr>
  <dimension ref="A1:E6"/>
  <sheetViews>
    <sheetView workbookViewId="0">
      <selection activeCell="A6" sqref="A6"/>
    </sheetView>
  </sheetViews>
  <sheetFormatPr defaultRowHeight="13.2"/>
  <cols>
    <col min="1" max="1" width="12.88671875" customWidth="1"/>
    <col min="2" max="2" width="11.33203125" customWidth="1"/>
    <col min="4" max="4" width="12.77734375" customWidth="1"/>
  </cols>
  <sheetData>
    <row r="1" spans="1:5">
      <c r="A1" t="s">
        <v>28</v>
      </c>
    </row>
    <row r="2" spans="1:5">
      <c r="A2" t="s">
        <v>29</v>
      </c>
      <c r="B2" t="s">
        <v>6</v>
      </c>
    </row>
    <row r="3" spans="1:5">
      <c r="A3">
        <v>2</v>
      </c>
      <c r="B3">
        <v>1000000</v>
      </c>
      <c r="D3" t="s">
        <v>30</v>
      </c>
      <c r="E3">
        <v>500000</v>
      </c>
    </row>
    <row r="4" spans="1:5">
      <c r="A4">
        <v>3</v>
      </c>
      <c r="B4">
        <v>1800000</v>
      </c>
      <c r="D4" t="s">
        <v>30</v>
      </c>
      <c r="E4">
        <v>600000</v>
      </c>
    </row>
    <row r="5" spans="1:5">
      <c r="A5">
        <v>4</v>
      </c>
      <c r="B5">
        <v>3000000</v>
      </c>
      <c r="D5" t="s">
        <v>30</v>
      </c>
      <c r="E5">
        <v>750000</v>
      </c>
    </row>
    <row r="6" spans="1:5">
      <c r="A6" t="s">
        <v>33</v>
      </c>
      <c r="B6">
        <v>5000000</v>
      </c>
      <c r="D6" t="s">
        <v>30</v>
      </c>
      <c r="E6">
        <v>1000000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１（所要額調書）</vt:lpstr>
      <vt:lpstr>連携医療機関数による基準額の変動</vt:lpstr>
      <vt:lpstr>'別紙１（所要額調書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2T05:41:50Z</cp:lastPrinted>
  <dcterms:created xsi:type="dcterms:W3CDTF">1997-01-08T22:48:59Z</dcterms:created>
  <dcterms:modified xsi:type="dcterms:W3CDTF">2026-03-26T06:33:49Z</dcterms:modified>
</cp:coreProperties>
</file>